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855" yWindow="-285" windowWidth="18420" windowHeight="8535"/>
  </bookViews>
  <sheets>
    <sheet name="老人保健施設" sheetId="1" r:id="rId1"/>
  </sheets>
  <definedNames>
    <definedName name="text" localSheetId="0">老人保健施設!$J$2:$K$41</definedName>
  </definedNames>
  <calcPr calcId="145621"/>
</workbook>
</file>

<file path=xl/connections.xml><?xml version="1.0" encoding="utf-8"?>
<connections xmlns="http://schemas.openxmlformats.org/spreadsheetml/2006/main">
  <connection id="1" name="text" type="6" refreshedVersion="4" background="1" saveData="1">
    <textPr codePage="932" sourceFile="C:\Users\s00150\Documents\md_情報政策課_2017_01\オープンデータ_170217\170227_高齢者福祉課\⑧介護老人保健施設\text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284" uniqueCount="234">
  <si>
    <t>松江</t>
  </si>
  <si>
    <t>690-0812</t>
  </si>
  <si>
    <t>0852-34-1558</t>
  </si>
  <si>
    <t>0852-34-1562</t>
  </si>
  <si>
    <t>ナーシングセンターあけぼの</t>
  </si>
  <si>
    <t>690-0033</t>
  </si>
  <si>
    <t>島根県松江市大庭町８８４－１</t>
  </si>
  <si>
    <t>0852-31-3666</t>
  </si>
  <si>
    <t>0852-31-3341</t>
  </si>
  <si>
    <t>690-1103</t>
  </si>
  <si>
    <t>0852-34-0110</t>
  </si>
  <si>
    <t>0852-34-0900</t>
  </si>
  <si>
    <t>690-0814</t>
  </si>
  <si>
    <t>島根県松江市東持田町５２０番地１</t>
  </si>
  <si>
    <t>0852-26-9400</t>
  </si>
  <si>
    <t>0852-26-9401</t>
  </si>
  <si>
    <t>699-0402</t>
  </si>
  <si>
    <t>島根県松江市宍道町白石１２９－２</t>
  </si>
  <si>
    <t>0852-66-0266</t>
  </si>
  <si>
    <t>0852-66-0233</t>
  </si>
  <si>
    <t>699-0101</t>
  </si>
  <si>
    <t>0852-52-6513</t>
  </si>
  <si>
    <t>0852-52-5006</t>
  </si>
  <si>
    <t>690-1404</t>
  </si>
  <si>
    <t>島根県松江市八束町波入６１４－９</t>
  </si>
  <si>
    <t>0852-76-9100</t>
  </si>
  <si>
    <t>0852-76-9101</t>
  </si>
  <si>
    <t>安来</t>
  </si>
  <si>
    <t>692-0011</t>
  </si>
  <si>
    <t>島根県安来市安来町８９９－１</t>
  </si>
  <si>
    <t>692-0206</t>
  </si>
  <si>
    <t>島根県安来市伯太町安田１７００－２</t>
  </si>
  <si>
    <t>0854-37-1555</t>
  </si>
  <si>
    <t>0854-37-1277</t>
  </si>
  <si>
    <t>雲南</t>
  </si>
  <si>
    <t>699-1511</t>
  </si>
  <si>
    <t>島根県仁多郡奥出雲町三成２２８－３</t>
  </si>
  <si>
    <t>0854-54-2060</t>
  </si>
  <si>
    <t>0854-54-2061</t>
  </si>
  <si>
    <t>699-1312</t>
  </si>
  <si>
    <t>島根県雲南市木次町山方１１１１</t>
  </si>
  <si>
    <t>0854-42-3660</t>
  </si>
  <si>
    <t>0854-42-3670</t>
  </si>
  <si>
    <t>690-2404</t>
  </si>
  <si>
    <t>島根県雲南市三刀屋町三刀屋１２９４－１</t>
  </si>
  <si>
    <t>0854-45-5114</t>
  </si>
  <si>
    <t>出雲</t>
  </si>
  <si>
    <t>ナーシングセンターひまわり</t>
  </si>
  <si>
    <t>693-0031</t>
  </si>
  <si>
    <t>島根県出雲市古志町２２３６－１</t>
  </si>
  <si>
    <t>0853-21-7954</t>
  </si>
  <si>
    <t>693-0022</t>
  </si>
  <si>
    <t>0853-25-0088</t>
  </si>
  <si>
    <t>0853-25-0240</t>
  </si>
  <si>
    <t>693-0056</t>
  </si>
  <si>
    <t>島根県出雲市江田町２７８番地</t>
  </si>
  <si>
    <t>0853-24-6001</t>
  </si>
  <si>
    <t>0853-24-6621</t>
  </si>
  <si>
    <t>693-0037</t>
  </si>
  <si>
    <t>島根県出雲市西新町二丁目２４５７－３番地</t>
  </si>
  <si>
    <t>0853-24-8041</t>
  </si>
  <si>
    <t>0853-24-8114</t>
  </si>
  <si>
    <t>699-0741</t>
  </si>
  <si>
    <t>0853-53-6700</t>
  </si>
  <si>
    <t>0853-53-6701</t>
  </si>
  <si>
    <t>699-0903</t>
  </si>
  <si>
    <t>0853-86-2977</t>
  </si>
  <si>
    <t>0853-86-2978</t>
  </si>
  <si>
    <t>大田</t>
  </si>
  <si>
    <t>694-0064</t>
  </si>
  <si>
    <t>島根県大田市大田町大田イ８６０－３</t>
  </si>
  <si>
    <t>0854-82-3301</t>
  </si>
  <si>
    <t>0854-82-1591</t>
  </si>
  <si>
    <t>699-2211</t>
  </si>
  <si>
    <t>島根県大田市波根町１２９０番地１</t>
  </si>
  <si>
    <t>0854-85-8181</t>
  </si>
  <si>
    <t>0854-85-7575</t>
  </si>
  <si>
    <t>邑智</t>
  </si>
  <si>
    <t>696-0001</t>
  </si>
  <si>
    <t>696-0406</t>
  </si>
  <si>
    <t>島根県邑智郡邑南町高見８２１－１</t>
  </si>
  <si>
    <t>0855-84-0007</t>
  </si>
  <si>
    <t>0855-84-0676</t>
  </si>
  <si>
    <t>浜田</t>
  </si>
  <si>
    <t>695-0011</t>
  </si>
  <si>
    <t>島根県江津市江津町１１１０－１５</t>
  </si>
  <si>
    <t>0855-52-5100</t>
  </si>
  <si>
    <t>0855-52-3882</t>
  </si>
  <si>
    <t>697-0003</t>
  </si>
  <si>
    <t>島根県浜田市国分町９５５－１</t>
  </si>
  <si>
    <t>0855-24-8800</t>
  </si>
  <si>
    <t>0855-24-8801</t>
  </si>
  <si>
    <t>さざんか</t>
  </si>
  <si>
    <t>697-0123</t>
  </si>
  <si>
    <t>島根県浜田市金城町七条ハ４０３</t>
  </si>
  <si>
    <t>0855-42-2200</t>
  </si>
  <si>
    <t>0855-42-2211</t>
  </si>
  <si>
    <t>699-3213</t>
  </si>
  <si>
    <t>島根県浜田市三隅町河内４５１－１</t>
  </si>
  <si>
    <t>0855-32-3911</t>
  </si>
  <si>
    <t>0855-32-3912</t>
  </si>
  <si>
    <t>697-0422</t>
  </si>
  <si>
    <t>島根県浜田市旭町本郷３６２－１０</t>
  </si>
  <si>
    <t>0855-45-1001</t>
  </si>
  <si>
    <t>0855-45-1002</t>
  </si>
  <si>
    <t>益田</t>
  </si>
  <si>
    <t>699-3676</t>
  </si>
  <si>
    <t>島根県益田市遠田町１９５６番地８</t>
  </si>
  <si>
    <t>0856-22-1150</t>
  </si>
  <si>
    <t>0856-22-1237</t>
  </si>
  <si>
    <t>699-5207</t>
  </si>
  <si>
    <t>島根県鹿足郡津和野町枕瀬２１８－２４</t>
  </si>
  <si>
    <t>0856-74-2030</t>
  </si>
  <si>
    <t>0856-74-2032</t>
  </si>
  <si>
    <t>隠岐</t>
  </si>
  <si>
    <t>685-0011</t>
  </si>
  <si>
    <t>島根県隠岐郡隠岐の島町栄町９７５－２</t>
  </si>
  <si>
    <t>08512-2-7500</t>
  </si>
  <si>
    <t>08512-2-7510</t>
  </si>
  <si>
    <t>地域</t>
    <rPh sb="0" eb="2">
      <t>チイキ</t>
    </rPh>
    <phoneticPr fontId="1"/>
  </si>
  <si>
    <t>施設名</t>
    <rPh sb="0" eb="2">
      <t>シセツ</t>
    </rPh>
    <rPh sb="2" eb="3">
      <t>メイ</t>
    </rPh>
    <phoneticPr fontId="1"/>
  </si>
  <si>
    <t>定員</t>
    <rPh sb="0" eb="2">
      <t>テイイン</t>
    </rPh>
    <phoneticPr fontId="1"/>
  </si>
  <si>
    <t>郵便番号</t>
    <rPh sb="0" eb="2">
      <t>ユウビン</t>
    </rPh>
    <rPh sb="2" eb="4">
      <t>バンゴウ</t>
    </rPh>
    <phoneticPr fontId="1"/>
  </si>
  <si>
    <t>所在地</t>
    <rPh sb="0" eb="3">
      <t>ショザイチ</t>
    </rPh>
    <phoneticPr fontId="1"/>
  </si>
  <si>
    <t>奥出雲介護老人保健施設</t>
    <rPh sb="0" eb="3">
      <t>オクイズモ</t>
    </rPh>
    <rPh sb="3" eb="5">
      <t>カイゴ</t>
    </rPh>
    <phoneticPr fontId="1"/>
  </si>
  <si>
    <t>№</t>
    <phoneticPr fontId="1"/>
  </si>
  <si>
    <t>ＴＥＬ</t>
    <phoneticPr fontId="1"/>
  </si>
  <si>
    <t>ＦＡＸ</t>
    <phoneticPr fontId="1"/>
  </si>
  <si>
    <t>0854-45-5110</t>
    <phoneticPr fontId="1"/>
  </si>
  <si>
    <t>0855-72-3111</t>
    <phoneticPr fontId="1"/>
  </si>
  <si>
    <t>0855-72-3112</t>
    <phoneticPr fontId="1"/>
  </si>
  <si>
    <t>介護老人保健施設　もちだの郷</t>
    <phoneticPr fontId="1"/>
  </si>
  <si>
    <t>介護老人保健施設　ケアセンター喜南</t>
    <rPh sb="0" eb="2">
      <t>カイゴ</t>
    </rPh>
    <rPh sb="2" eb="8">
      <t>ロウケン</t>
    </rPh>
    <phoneticPr fontId="1"/>
  </si>
  <si>
    <t>介護老人保健施設　福寿苑</t>
    <rPh sb="0" eb="2">
      <t>カイゴ</t>
    </rPh>
    <phoneticPr fontId="1"/>
  </si>
  <si>
    <t>介護老人保健施設　ケアセンター千鳥</t>
    <rPh sb="0" eb="2">
      <t>カイゴ</t>
    </rPh>
    <phoneticPr fontId="1"/>
  </si>
  <si>
    <t>介護老人保健施設　ケアセンターきすき</t>
    <rPh sb="0" eb="2">
      <t>カイゴ</t>
    </rPh>
    <phoneticPr fontId="1"/>
  </si>
  <si>
    <t>介護老人保健施設　平成苑</t>
    <rPh sb="0" eb="2">
      <t>カイゴ</t>
    </rPh>
    <phoneticPr fontId="1"/>
  </si>
  <si>
    <t>介護老人保健施設　ケアセンターかんど</t>
    <phoneticPr fontId="1"/>
  </si>
  <si>
    <t>介護老人保健施設　たき</t>
    <rPh sb="0" eb="2">
      <t>カイゴ</t>
    </rPh>
    <phoneticPr fontId="1"/>
  </si>
  <si>
    <t>介護老人保健施設　仁寿苑</t>
    <rPh sb="0" eb="2">
      <t>カイゴ</t>
    </rPh>
    <phoneticPr fontId="1"/>
  </si>
  <si>
    <t>介護老人保健施設　サンホームみずほ</t>
    <rPh sb="0" eb="2">
      <t>カイゴ</t>
    </rPh>
    <rPh sb="2" eb="8">
      <t>ロウケン</t>
    </rPh>
    <phoneticPr fontId="1"/>
  </si>
  <si>
    <t>介護老人保健施設　旭・やすらぎの郷</t>
    <rPh sb="0" eb="2">
      <t>カイゴ</t>
    </rPh>
    <phoneticPr fontId="1"/>
  </si>
  <si>
    <t>介護老人保健施設　せせらぎ</t>
    <rPh sb="0" eb="2">
      <t>カイゴ</t>
    </rPh>
    <phoneticPr fontId="1"/>
  </si>
  <si>
    <t>介護老人保健施設ライフケア回春苑</t>
    <phoneticPr fontId="1"/>
  </si>
  <si>
    <t>介護老人保健施設　昌寿苑</t>
    <phoneticPr fontId="1"/>
  </si>
  <si>
    <t>介護老人保健施設　コスモス苑</t>
    <phoneticPr fontId="1"/>
  </si>
  <si>
    <t>介護老人保健施設　寿生苑</t>
    <phoneticPr fontId="1"/>
  </si>
  <si>
    <t>介護老人保健施設　「もくもく」</t>
    <phoneticPr fontId="1"/>
  </si>
  <si>
    <t>介護老人保健施設　ほのぼの苑</t>
    <phoneticPr fontId="1"/>
  </si>
  <si>
    <t>介護老人保健施設　恵寿苑</t>
    <phoneticPr fontId="1"/>
  </si>
  <si>
    <t>介護老人保健施設　夕陽ヶ丘</t>
    <phoneticPr fontId="1"/>
  </si>
  <si>
    <t>介護老人保健施設　アゼーリみずすみ</t>
    <phoneticPr fontId="1"/>
  </si>
  <si>
    <t>老人保健施設　ともいきの郷</t>
    <phoneticPr fontId="1"/>
  </si>
  <si>
    <t>医療法人社団 回春会</t>
    <phoneticPr fontId="1"/>
  </si>
  <si>
    <t>医療法人社団 創健会</t>
    <phoneticPr fontId="1"/>
  </si>
  <si>
    <t>医療法人 同仁会</t>
    <phoneticPr fontId="1"/>
  </si>
  <si>
    <t>医療法人社団 吉祥会</t>
    <phoneticPr fontId="1"/>
  </si>
  <si>
    <t>医療法人 ちどり</t>
    <phoneticPr fontId="1"/>
  </si>
  <si>
    <t>医療法人 陶朋会</t>
    <phoneticPr fontId="1"/>
  </si>
  <si>
    <t>奥出雲町</t>
    <phoneticPr fontId="1"/>
  </si>
  <si>
    <t>医療法人 壽生会</t>
    <phoneticPr fontId="1"/>
  </si>
  <si>
    <t>医療法人 かんど会</t>
    <phoneticPr fontId="1"/>
  </si>
  <si>
    <t>社会福祉法人 多伎の郷</t>
    <phoneticPr fontId="1"/>
  </si>
  <si>
    <t>医療法人 清風会</t>
    <phoneticPr fontId="1"/>
  </si>
  <si>
    <t>医療法人 恵和会</t>
    <phoneticPr fontId="1"/>
  </si>
  <si>
    <t>社会福祉法人　恩賜財団
済生会支部島根県済生会</t>
    <phoneticPr fontId="1"/>
  </si>
  <si>
    <t>社会福祉法人 隠岐共生学園</t>
    <phoneticPr fontId="1"/>
  </si>
  <si>
    <t>社会福祉法人 ひまわり福祉会</t>
    <phoneticPr fontId="1"/>
  </si>
  <si>
    <t>社会福祉法人 おおつか福祉会</t>
    <phoneticPr fontId="1"/>
  </si>
  <si>
    <t>社会福祉法人 ウェル　エヌシー</t>
    <phoneticPr fontId="1"/>
  </si>
  <si>
    <t>社会福祉法人 恵心会</t>
    <phoneticPr fontId="1"/>
  </si>
  <si>
    <t>医療法人社団 沖田内科医院</t>
    <phoneticPr fontId="1"/>
  </si>
  <si>
    <t>医療法人 ともみ会</t>
    <phoneticPr fontId="1"/>
  </si>
  <si>
    <t>医療法人社団 水澄み会</t>
    <phoneticPr fontId="1"/>
  </si>
  <si>
    <t>島根県松江市新庄町１１７２</t>
    <phoneticPr fontId="1"/>
  </si>
  <si>
    <t>島根県出雲市大社町中荒木１７４５－２</t>
    <phoneticPr fontId="1"/>
  </si>
  <si>
    <t>島根県邑智郡川本町川本３８１－４</t>
    <phoneticPr fontId="1"/>
  </si>
  <si>
    <t>備考（申請者）</t>
    <rPh sb="0" eb="2">
      <t>ビコウ</t>
    </rPh>
    <rPh sb="3" eb="6">
      <t>シンセイシャ</t>
    </rPh>
    <phoneticPr fontId="1"/>
  </si>
  <si>
    <t>島根県出雲市多伎町小田５０番地７</t>
    <rPh sb="13" eb="15">
      <t>バンチ</t>
    </rPh>
    <phoneticPr fontId="1"/>
  </si>
  <si>
    <t>0853-21-7957</t>
    <phoneticPr fontId="1"/>
  </si>
  <si>
    <t>社会福祉法人 隠岐共生学園</t>
    <phoneticPr fontId="1"/>
  </si>
  <si>
    <t>津和野町</t>
    <rPh sb="0" eb="4">
      <t>ツワノチョウ</t>
    </rPh>
    <phoneticPr fontId="1"/>
  </si>
  <si>
    <t>出雲</t>
    <phoneticPr fontId="1"/>
  </si>
  <si>
    <t>介護老人保健施設　まんだ</t>
    <rPh sb="0" eb="2">
      <t>カイゴ</t>
    </rPh>
    <rPh sb="2" eb="8">
      <t>ロウケン</t>
    </rPh>
    <phoneticPr fontId="1"/>
  </si>
  <si>
    <t>691-0033</t>
    <phoneticPr fontId="1"/>
  </si>
  <si>
    <t>島根県出雲市万田町字要５３５－１</t>
    <rPh sb="0" eb="2">
      <t>シマネ</t>
    </rPh>
    <rPh sb="2" eb="3">
      <t>ケン</t>
    </rPh>
    <rPh sb="3" eb="6">
      <t>イズモシ</t>
    </rPh>
    <rPh sb="6" eb="9">
      <t>マンダチョウ</t>
    </rPh>
    <rPh sb="9" eb="10">
      <t>アザ</t>
    </rPh>
    <rPh sb="10" eb="11">
      <t>カナメ</t>
    </rPh>
    <phoneticPr fontId="1"/>
  </si>
  <si>
    <t>0853-63-5610</t>
    <phoneticPr fontId="1"/>
  </si>
  <si>
    <t>0853-63-5612</t>
    <phoneticPr fontId="1"/>
  </si>
  <si>
    <t>社会福祉法人　ほのぼの会</t>
    <rPh sb="0" eb="6">
      <t>シャフク</t>
    </rPh>
    <rPh sb="11" eb="12">
      <t>カイ</t>
    </rPh>
    <phoneticPr fontId="1"/>
  </si>
  <si>
    <t>島根県松江市川原町３０９－１</t>
    <phoneticPr fontId="1"/>
  </si>
  <si>
    <t>社会医療法人 昌林会</t>
    <rPh sb="0" eb="2">
      <t>シャカイ</t>
    </rPh>
    <phoneticPr fontId="1"/>
  </si>
  <si>
    <t>介護老人保健施設　出雲徳洲苑</t>
    <rPh sb="0" eb="2">
      <t>カイゴ</t>
    </rPh>
    <rPh sb="2" eb="8">
      <t>ロウケン</t>
    </rPh>
    <rPh sb="9" eb="11">
      <t>イズモ</t>
    </rPh>
    <rPh sb="11" eb="12">
      <t>トク</t>
    </rPh>
    <rPh sb="12" eb="14">
      <t>シュウエン</t>
    </rPh>
    <phoneticPr fontId="1"/>
  </si>
  <si>
    <t>699-0631</t>
    <phoneticPr fontId="1"/>
  </si>
  <si>
    <t>0853-73-7577</t>
    <phoneticPr fontId="1"/>
  </si>
  <si>
    <t>医療法人　沖縄徳洲会</t>
    <rPh sb="0" eb="2">
      <t>イリョウ</t>
    </rPh>
    <rPh sb="2" eb="4">
      <t>ホウジン</t>
    </rPh>
    <rPh sb="5" eb="7">
      <t>オキナワ</t>
    </rPh>
    <rPh sb="7" eb="9">
      <t>トクシュウ</t>
    </rPh>
    <rPh sb="9" eb="10">
      <t>カイ</t>
    </rPh>
    <phoneticPr fontId="1"/>
  </si>
  <si>
    <t>0855-83-2050</t>
    <phoneticPr fontId="1"/>
  </si>
  <si>
    <t>0855-83-2052</t>
    <phoneticPr fontId="1"/>
  </si>
  <si>
    <t>696-0２２５</t>
    <phoneticPr fontId="1"/>
  </si>
  <si>
    <t>島根県邑智郡邑南町上田所３９-５</t>
    <rPh sb="0" eb="3">
      <t>シマネケン</t>
    </rPh>
    <rPh sb="3" eb="6">
      <t>オオチグン</t>
    </rPh>
    <rPh sb="9" eb="10">
      <t>ウエ</t>
    </rPh>
    <rPh sb="10" eb="12">
      <t>タドコロ</t>
    </rPh>
    <phoneticPr fontId="1"/>
  </si>
  <si>
    <t>　ケアセンター三笠　(療養型）</t>
    <rPh sb="7" eb="9">
      <t>ミカサ</t>
    </rPh>
    <rPh sb="11" eb="14">
      <t>リョウヨウガタ</t>
    </rPh>
    <phoneticPr fontId="1"/>
  </si>
  <si>
    <t>699-5513</t>
    <phoneticPr fontId="1"/>
  </si>
  <si>
    <t>島根県鹿足郡吉賀町六日市３６８番地４</t>
    <rPh sb="6" eb="7">
      <t>ヨシ</t>
    </rPh>
    <rPh sb="7" eb="8">
      <t>ガ</t>
    </rPh>
    <rPh sb="8" eb="9">
      <t>チョウ</t>
    </rPh>
    <rPh sb="9" eb="12">
      <t>ムイカイチ</t>
    </rPh>
    <rPh sb="15" eb="17">
      <t>バンチ</t>
    </rPh>
    <phoneticPr fontId="1"/>
  </si>
  <si>
    <t>0856-77-1581</t>
    <phoneticPr fontId="1"/>
  </si>
  <si>
    <t>0856-77-1580</t>
    <phoneticPr fontId="1"/>
  </si>
  <si>
    <t>社会医療法人　石州会</t>
    <rPh sb="0" eb="2">
      <t>シャカイ</t>
    </rPh>
    <rPh sb="2" eb="4">
      <t>イリョウ</t>
    </rPh>
    <rPh sb="4" eb="6">
      <t>ホウジン</t>
    </rPh>
    <rPh sb="7" eb="8">
      <t>セキ</t>
    </rPh>
    <rPh sb="8" eb="9">
      <t>シュウ</t>
    </rPh>
    <rPh sb="9" eb="10">
      <t>カイ</t>
    </rPh>
    <phoneticPr fontId="1"/>
  </si>
  <si>
    <t>介護療養型老人保健施設　六日市苑</t>
    <rPh sb="0" eb="2">
      <t>カイゴ</t>
    </rPh>
    <rPh sb="2" eb="5">
      <t>リョウヨウガタ</t>
    </rPh>
    <rPh sb="12" eb="15">
      <t>ムイカイチ</t>
    </rPh>
    <rPh sb="15" eb="16">
      <t>エン</t>
    </rPh>
    <phoneticPr fontId="1"/>
  </si>
  <si>
    <t>社会医療法人 仁寿会</t>
    <rPh sb="0" eb="2">
      <t>シャカイ</t>
    </rPh>
    <phoneticPr fontId="1"/>
  </si>
  <si>
    <t>益田市</t>
    <rPh sb="0" eb="3">
      <t>マスダシ</t>
    </rPh>
    <phoneticPr fontId="1"/>
  </si>
  <si>
    <t>一般社団法人 安来市医師会</t>
    <rPh sb="0" eb="2">
      <t>イッパン</t>
    </rPh>
    <phoneticPr fontId="1"/>
  </si>
  <si>
    <t>介護療養型老人保健施設　昌寿苑</t>
    <phoneticPr fontId="1"/>
  </si>
  <si>
    <t>出雲</t>
    <phoneticPr fontId="1"/>
  </si>
  <si>
    <t>ユニット型介護老人保健施設　まんだ</t>
    <phoneticPr fontId="1"/>
  </si>
  <si>
    <t>島根県松江市東出雲町大字揖屋町１１９６</t>
    <rPh sb="3" eb="6">
      <t>マツエシ</t>
    </rPh>
    <rPh sb="10" eb="12">
      <t>オオアザ</t>
    </rPh>
    <phoneticPr fontId="1"/>
  </si>
  <si>
    <t>島根県出雲市斐川町直江町3964-1</t>
    <rPh sb="0" eb="2">
      <t>シマネ</t>
    </rPh>
    <rPh sb="2" eb="3">
      <t>ケン</t>
    </rPh>
    <rPh sb="3" eb="6">
      <t>イズモシ</t>
    </rPh>
    <rPh sb="6" eb="9">
      <t>ヒカワチョウ</t>
    </rPh>
    <rPh sb="9" eb="11">
      <t>ナオエ</t>
    </rPh>
    <rPh sb="11" eb="12">
      <t>マチ</t>
    </rPh>
    <phoneticPr fontId="1"/>
  </si>
  <si>
    <t>0854-22-1234</t>
    <phoneticPr fontId="1"/>
  </si>
  <si>
    <t>0854-23-2729</t>
    <phoneticPr fontId="1"/>
  </si>
  <si>
    <t>島根県出雲市上塩冶町２８６２番地１</t>
    <phoneticPr fontId="1"/>
  </si>
  <si>
    <t>0853-73-7570</t>
    <phoneticPr fontId="1"/>
  </si>
  <si>
    <t>介護老人保健施設　悠々園</t>
    <phoneticPr fontId="1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1"/>
  </si>
  <si>
    <t>松江</t>
    <phoneticPr fontId="1"/>
  </si>
  <si>
    <t>介護療養型老人保健施設　虹</t>
    <rPh sb="0" eb="2">
      <t>カイゴ</t>
    </rPh>
    <rPh sb="2" eb="5">
      <t>リョウヨウガタ</t>
    </rPh>
    <rPh sb="12" eb="13">
      <t>ニジ</t>
    </rPh>
    <phoneticPr fontId="1"/>
  </si>
  <si>
    <t>690-0035</t>
    <phoneticPr fontId="1"/>
  </si>
  <si>
    <t>島根県松江市佐草町４５６－１</t>
    <rPh sb="0" eb="3">
      <t>シマネケン</t>
    </rPh>
    <rPh sb="3" eb="6">
      <t>マツエシ</t>
    </rPh>
    <rPh sb="6" eb="9">
      <t>サクサチョウ</t>
    </rPh>
    <phoneticPr fontId="1"/>
  </si>
  <si>
    <t>0852-24-1212</t>
    <phoneticPr fontId="1"/>
  </si>
  <si>
    <t>0852-27-0087</t>
    <phoneticPr fontId="1"/>
  </si>
  <si>
    <t>介護老人保健施設　たてがみの郷　ユニット型</t>
    <rPh sb="20" eb="21">
      <t>ガタ</t>
    </rPh>
    <phoneticPr fontId="1"/>
  </si>
  <si>
    <t>介護老人保健施設　たてがみの郷 多床室型</t>
    <phoneticPr fontId="1"/>
  </si>
  <si>
    <t>島根県済生会　介護療養型 老人保健施設　高砂ケアセンター</t>
    <rPh sb="7" eb="9">
      <t>カイゴ</t>
    </rPh>
    <rPh sb="9" eb="12">
      <t>リョウヨウガタ</t>
    </rPh>
    <rPh sb="13" eb="15">
      <t>ロウジン</t>
    </rPh>
    <rPh sb="20" eb="22">
      <t>タカサゴ</t>
    </rPh>
    <phoneticPr fontId="1"/>
  </si>
  <si>
    <t>島根県済生会 介護老人保健施設　高砂ケアセンター</t>
    <rPh sb="7" eb="9">
      <t>カイゴ</t>
    </rPh>
    <rPh sb="16" eb="18">
      <t>タカサゴ</t>
    </rPh>
    <phoneticPr fontId="1"/>
  </si>
  <si>
    <t>益田市立 介護老人保健施設　くにさき苑</t>
    <rPh sb="5" eb="7">
      <t>カイゴ</t>
    </rPh>
    <phoneticPr fontId="1"/>
  </si>
  <si>
    <t>医療法人 徳　  会</t>
    <rPh sb="0" eb="2">
      <t>イリョウ</t>
    </rPh>
    <rPh sb="2" eb="4">
      <t>ホウジン</t>
    </rPh>
    <rPh sb="5" eb="6">
      <t>トク</t>
    </rPh>
    <rPh sb="9" eb="10">
      <t>カイ</t>
    </rPh>
    <phoneticPr fontId="1"/>
  </si>
  <si>
    <t>緯度</t>
    <rPh sb="0" eb="2">
      <t>イド</t>
    </rPh>
    <phoneticPr fontId="1"/>
  </si>
  <si>
    <t>経度</t>
    <rPh sb="0" eb="2">
      <t>ケイ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e/mm/dd"/>
  </numFmts>
  <fonts count="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2" fillId="0" borderId="0" xfId="0" applyFont="1" applyAlignment="1"/>
    <xf numFmtId="0" fontId="2" fillId="0" borderId="0" xfId="0" applyFont="1" applyBorder="1" applyAlignment="1"/>
    <xf numFmtId="0" fontId="2" fillId="0" borderId="1" xfId="0" applyFont="1" applyBorder="1" applyAlignment="1"/>
    <xf numFmtId="0" fontId="2" fillId="0" borderId="1" xfId="0" applyFont="1" applyFill="1" applyBorder="1" applyAlignment="1">
      <alignment vertical="center"/>
    </xf>
    <xf numFmtId="0" fontId="2" fillId="0" borderId="1" xfId="0" applyFont="1" applyFill="1" applyBorder="1" applyAlignment="1" applyProtection="1">
      <alignment vertical="center"/>
    </xf>
    <xf numFmtId="176" fontId="2" fillId="0" borderId="1" xfId="0" applyNumberFormat="1" applyFont="1" applyFill="1" applyBorder="1" applyAlignment="1" applyProtection="1">
      <alignment vertical="center"/>
    </xf>
    <xf numFmtId="0" fontId="2" fillId="0" borderId="0" xfId="0" applyFont="1" applyFill="1" applyBorder="1" applyAlignment="1" applyProtection="1">
      <alignment vertical="center"/>
    </xf>
    <xf numFmtId="0" fontId="2" fillId="0" borderId="0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57250</xdr:colOff>
      <xdr:row>29</xdr:row>
      <xdr:rowOff>171450</xdr:rowOff>
    </xdr:from>
    <xdr:to>
      <xdr:col>8</xdr:col>
      <xdr:colOff>1000125</xdr:colOff>
      <xdr:row>29</xdr:row>
      <xdr:rowOff>304800</xdr:rowOff>
    </xdr:to>
    <xdr:pic>
      <xdr:nvPicPr>
        <xdr:cNvPr id="2113" name="Picture 1" descr="cc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grayscl/>
          <a:biLevel thresh="50000"/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258425" y="13954125"/>
          <a:ext cx="142875" cy="133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8</xdr:col>
      <xdr:colOff>857250</xdr:colOff>
      <xdr:row>28</xdr:row>
      <xdr:rowOff>171450</xdr:rowOff>
    </xdr:from>
    <xdr:to>
      <xdr:col>8</xdr:col>
      <xdr:colOff>1000125</xdr:colOff>
      <xdr:row>28</xdr:row>
      <xdr:rowOff>304800</xdr:rowOff>
    </xdr:to>
    <xdr:pic>
      <xdr:nvPicPr>
        <xdr:cNvPr id="2114" name="Picture 1" descr="cc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grayscl/>
          <a:biLevel thresh="50000"/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258425" y="13496925"/>
          <a:ext cx="142875" cy="133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3"/>
  <sheetViews>
    <sheetView tabSelected="1" zoomScale="85" zoomScaleNormal="85" workbookViewId="0">
      <selection activeCell="A40" sqref="A40"/>
    </sheetView>
  </sheetViews>
  <sheetFormatPr defaultRowHeight="14.25" x14ac:dyDescent="0.15"/>
  <cols>
    <col min="1" max="1" width="4.25" style="1" customWidth="1"/>
    <col min="2" max="2" width="5.875" style="1" bestFit="1" customWidth="1"/>
    <col min="3" max="3" width="61.75" style="1" bestFit="1" customWidth="1"/>
    <col min="4" max="4" width="5.875" style="1" bestFit="1" customWidth="1"/>
    <col min="5" max="5" width="11.625" style="1" bestFit="1" customWidth="1"/>
    <col min="6" max="6" width="44.375" style="1" bestFit="1" customWidth="1"/>
    <col min="7" max="8" width="14.875" style="1" bestFit="1" customWidth="1"/>
    <col min="9" max="9" width="51.75" style="1" bestFit="1" customWidth="1"/>
    <col min="10" max="10" width="12.5" style="1" bestFit="1" customWidth="1"/>
    <col min="11" max="11" width="13.625" style="1" bestFit="1" customWidth="1"/>
    <col min="12" max="16384" width="9" style="1"/>
  </cols>
  <sheetData>
    <row r="1" spans="1:11" x14ac:dyDescent="0.15">
      <c r="A1" s="4" t="s">
        <v>125</v>
      </c>
      <c r="B1" s="4" t="s">
        <v>119</v>
      </c>
      <c r="C1" s="4" t="s">
        <v>120</v>
      </c>
      <c r="D1" s="4" t="s">
        <v>121</v>
      </c>
      <c r="E1" s="4" t="s">
        <v>122</v>
      </c>
      <c r="F1" s="4" t="s">
        <v>123</v>
      </c>
      <c r="G1" s="4" t="s">
        <v>126</v>
      </c>
      <c r="H1" s="4" t="s">
        <v>127</v>
      </c>
      <c r="I1" s="4" t="s">
        <v>177</v>
      </c>
      <c r="J1" s="3" t="s">
        <v>232</v>
      </c>
      <c r="K1" s="3" t="s">
        <v>233</v>
      </c>
    </row>
    <row r="2" spans="1:11" x14ac:dyDescent="0.15">
      <c r="A2" s="4">
        <v>1</v>
      </c>
      <c r="B2" s="5" t="s">
        <v>0</v>
      </c>
      <c r="C2" s="5" t="s">
        <v>218</v>
      </c>
      <c r="D2" s="5">
        <v>80</v>
      </c>
      <c r="E2" s="5" t="s">
        <v>1</v>
      </c>
      <c r="F2" s="5" t="s">
        <v>189</v>
      </c>
      <c r="G2" s="4" t="s">
        <v>2</v>
      </c>
      <c r="H2" s="4" t="s">
        <v>3</v>
      </c>
      <c r="I2" s="6" t="s">
        <v>153</v>
      </c>
      <c r="J2" s="3">
        <v>35.502701299999998</v>
      </c>
      <c r="K2" s="3">
        <v>133.09287459999999</v>
      </c>
    </row>
    <row r="3" spans="1:11" x14ac:dyDescent="0.15">
      <c r="A3" s="4">
        <v>2</v>
      </c>
      <c r="B3" s="5" t="s">
        <v>0</v>
      </c>
      <c r="C3" s="5" t="s">
        <v>4</v>
      </c>
      <c r="D3" s="5">
        <v>80</v>
      </c>
      <c r="E3" s="5" t="s">
        <v>5</v>
      </c>
      <c r="F3" s="5" t="s">
        <v>6</v>
      </c>
      <c r="G3" s="4" t="s">
        <v>7</v>
      </c>
      <c r="H3" s="4" t="s">
        <v>8</v>
      </c>
      <c r="I3" s="6" t="s">
        <v>154</v>
      </c>
      <c r="J3" s="3">
        <v>35.431214199999999</v>
      </c>
      <c r="K3" s="3">
        <v>133.08235160000001</v>
      </c>
    </row>
    <row r="4" spans="1:11" x14ac:dyDescent="0.15">
      <c r="A4" s="4">
        <v>3</v>
      </c>
      <c r="B4" s="5" t="s">
        <v>0</v>
      </c>
      <c r="C4" s="5" t="s">
        <v>143</v>
      </c>
      <c r="D4" s="5">
        <v>100</v>
      </c>
      <c r="E4" s="5" t="s">
        <v>9</v>
      </c>
      <c r="F4" s="5" t="s">
        <v>174</v>
      </c>
      <c r="G4" s="4" t="s">
        <v>10</v>
      </c>
      <c r="H4" s="4" t="s">
        <v>11</v>
      </c>
      <c r="I4" s="6" t="s">
        <v>153</v>
      </c>
      <c r="J4" s="3">
        <v>35.499476299999998</v>
      </c>
      <c r="K4" s="3">
        <v>133.1332294</v>
      </c>
    </row>
    <row r="5" spans="1:11" x14ac:dyDescent="0.15">
      <c r="A5" s="4">
        <v>4</v>
      </c>
      <c r="B5" s="5" t="s">
        <v>0</v>
      </c>
      <c r="C5" s="5" t="s">
        <v>131</v>
      </c>
      <c r="D5" s="5">
        <v>100</v>
      </c>
      <c r="E5" s="5" t="s">
        <v>12</v>
      </c>
      <c r="F5" s="5" t="s">
        <v>13</v>
      </c>
      <c r="G5" s="4" t="s">
        <v>14</v>
      </c>
      <c r="H5" s="4" t="s">
        <v>15</v>
      </c>
      <c r="I5" s="6" t="s">
        <v>166</v>
      </c>
      <c r="J5" s="3">
        <v>35.508094900000003</v>
      </c>
      <c r="K5" s="3">
        <v>133.08570839999999</v>
      </c>
    </row>
    <row r="6" spans="1:11" x14ac:dyDescent="0.15">
      <c r="A6" s="4">
        <v>5</v>
      </c>
      <c r="B6" s="5" t="s">
        <v>0</v>
      </c>
      <c r="C6" s="5" t="s">
        <v>132</v>
      </c>
      <c r="D6" s="5">
        <v>59</v>
      </c>
      <c r="E6" s="5" t="s">
        <v>16</v>
      </c>
      <c r="F6" s="5" t="s">
        <v>17</v>
      </c>
      <c r="G6" s="4" t="s">
        <v>18</v>
      </c>
      <c r="H6" s="4" t="s">
        <v>19</v>
      </c>
      <c r="I6" s="6" t="s">
        <v>155</v>
      </c>
      <c r="J6" s="3">
        <v>35.414132899999998</v>
      </c>
      <c r="K6" s="3">
        <v>132.9260275</v>
      </c>
    </row>
    <row r="7" spans="1:11" x14ac:dyDescent="0.15">
      <c r="A7" s="4">
        <v>6</v>
      </c>
      <c r="B7" s="5" t="s">
        <v>0</v>
      </c>
      <c r="C7" s="5" t="s">
        <v>133</v>
      </c>
      <c r="D7" s="5">
        <v>63</v>
      </c>
      <c r="E7" s="5" t="s">
        <v>23</v>
      </c>
      <c r="F7" s="5" t="s">
        <v>24</v>
      </c>
      <c r="G7" s="4" t="s">
        <v>25</v>
      </c>
      <c r="H7" s="4" t="s">
        <v>26</v>
      </c>
      <c r="I7" s="6" t="s">
        <v>156</v>
      </c>
      <c r="J7" s="3">
        <v>35.487065800000003</v>
      </c>
      <c r="K7" s="3">
        <v>133.17898389999999</v>
      </c>
    </row>
    <row r="8" spans="1:11" x14ac:dyDescent="0.15">
      <c r="A8" s="4">
        <v>7</v>
      </c>
      <c r="B8" s="5" t="s">
        <v>0</v>
      </c>
      <c r="C8" s="5" t="s">
        <v>134</v>
      </c>
      <c r="D8" s="5">
        <v>50</v>
      </c>
      <c r="E8" s="5" t="s">
        <v>20</v>
      </c>
      <c r="F8" s="5" t="s">
        <v>212</v>
      </c>
      <c r="G8" s="4" t="s">
        <v>21</v>
      </c>
      <c r="H8" s="4" t="s">
        <v>22</v>
      </c>
      <c r="I8" s="6" t="s">
        <v>157</v>
      </c>
      <c r="J8" s="3">
        <v>35.427801000000002</v>
      </c>
      <c r="K8" s="3">
        <v>133.14904999999999</v>
      </c>
    </row>
    <row r="9" spans="1:11" x14ac:dyDescent="0.15">
      <c r="A9" s="4">
        <v>8</v>
      </c>
      <c r="B9" s="5" t="s">
        <v>220</v>
      </c>
      <c r="C9" s="5" t="s">
        <v>221</v>
      </c>
      <c r="D9" s="5">
        <v>180</v>
      </c>
      <c r="E9" s="5" t="s">
        <v>222</v>
      </c>
      <c r="F9" s="5" t="s">
        <v>223</v>
      </c>
      <c r="G9" s="4" t="s">
        <v>224</v>
      </c>
      <c r="H9" s="4" t="s">
        <v>225</v>
      </c>
      <c r="I9" s="6" t="s">
        <v>219</v>
      </c>
      <c r="J9" s="3">
        <v>35.431586299999999</v>
      </c>
      <c r="K9" s="3">
        <v>133.0720523</v>
      </c>
    </row>
    <row r="10" spans="1:11" x14ac:dyDescent="0.15">
      <c r="A10" s="4">
        <v>9</v>
      </c>
      <c r="B10" s="5" t="s">
        <v>27</v>
      </c>
      <c r="C10" s="5" t="s">
        <v>144</v>
      </c>
      <c r="D10" s="5">
        <v>80</v>
      </c>
      <c r="E10" s="5" t="s">
        <v>28</v>
      </c>
      <c r="F10" s="5" t="s">
        <v>29</v>
      </c>
      <c r="G10" s="4" t="s">
        <v>214</v>
      </c>
      <c r="H10" s="4" t="s">
        <v>215</v>
      </c>
      <c r="I10" s="6" t="s">
        <v>190</v>
      </c>
      <c r="J10" s="3">
        <v>35.4318533</v>
      </c>
      <c r="K10" s="3">
        <v>133.25214829999999</v>
      </c>
    </row>
    <row r="11" spans="1:11" x14ac:dyDescent="0.15">
      <c r="A11" s="4">
        <v>10</v>
      </c>
      <c r="B11" s="5" t="s">
        <v>27</v>
      </c>
      <c r="C11" s="5" t="s">
        <v>209</v>
      </c>
      <c r="D11" s="5">
        <v>52</v>
      </c>
      <c r="E11" s="5" t="s">
        <v>28</v>
      </c>
      <c r="F11" s="5" t="s">
        <v>29</v>
      </c>
      <c r="G11" s="4" t="s">
        <v>214</v>
      </c>
      <c r="H11" s="4" t="s">
        <v>215</v>
      </c>
      <c r="I11" s="6" t="s">
        <v>190</v>
      </c>
      <c r="J11" s="3">
        <v>35.4318533</v>
      </c>
      <c r="K11" s="3">
        <v>133.25214829999999</v>
      </c>
    </row>
    <row r="12" spans="1:11" x14ac:dyDescent="0.15">
      <c r="A12" s="4">
        <v>11</v>
      </c>
      <c r="B12" s="5" t="s">
        <v>27</v>
      </c>
      <c r="C12" s="5" t="s">
        <v>145</v>
      </c>
      <c r="D12" s="5">
        <v>50</v>
      </c>
      <c r="E12" s="5" t="s">
        <v>30</v>
      </c>
      <c r="F12" s="5" t="s">
        <v>31</v>
      </c>
      <c r="G12" s="4" t="s">
        <v>32</v>
      </c>
      <c r="H12" s="4" t="s">
        <v>33</v>
      </c>
      <c r="I12" s="6" t="s">
        <v>208</v>
      </c>
      <c r="J12" s="3">
        <v>35.371442600000002</v>
      </c>
      <c r="K12" s="3">
        <v>133.27350720000001</v>
      </c>
    </row>
    <row r="13" spans="1:11" x14ac:dyDescent="0.15">
      <c r="A13" s="4">
        <v>12</v>
      </c>
      <c r="B13" s="5" t="s">
        <v>34</v>
      </c>
      <c r="C13" s="5" t="s">
        <v>135</v>
      </c>
      <c r="D13" s="5">
        <v>60</v>
      </c>
      <c r="E13" s="5" t="s">
        <v>39</v>
      </c>
      <c r="F13" s="5" t="s">
        <v>40</v>
      </c>
      <c r="G13" s="4" t="s">
        <v>41</v>
      </c>
      <c r="H13" s="4" t="s">
        <v>42</v>
      </c>
      <c r="I13" s="6" t="s">
        <v>155</v>
      </c>
      <c r="J13" s="3">
        <v>35.311278000000001</v>
      </c>
      <c r="K13" s="3">
        <v>132.912048</v>
      </c>
    </row>
    <row r="14" spans="1:11" x14ac:dyDescent="0.15">
      <c r="A14" s="4">
        <v>13</v>
      </c>
      <c r="B14" s="5" t="s">
        <v>34</v>
      </c>
      <c r="C14" s="5" t="s">
        <v>136</v>
      </c>
      <c r="D14" s="5">
        <v>50</v>
      </c>
      <c r="E14" s="5" t="s">
        <v>43</v>
      </c>
      <c r="F14" s="5" t="s">
        <v>44</v>
      </c>
      <c r="G14" s="4" t="s">
        <v>128</v>
      </c>
      <c r="H14" s="4" t="s">
        <v>45</v>
      </c>
      <c r="I14" s="6" t="s">
        <v>158</v>
      </c>
      <c r="J14" s="3">
        <v>35.292552499999999</v>
      </c>
      <c r="K14" s="3">
        <v>132.884896</v>
      </c>
    </row>
    <row r="15" spans="1:11" x14ac:dyDescent="0.15">
      <c r="A15" s="4">
        <v>14</v>
      </c>
      <c r="B15" s="5" t="s">
        <v>34</v>
      </c>
      <c r="C15" s="5" t="s">
        <v>124</v>
      </c>
      <c r="D15" s="5">
        <v>81</v>
      </c>
      <c r="E15" s="5" t="s">
        <v>35</v>
      </c>
      <c r="F15" s="5" t="s">
        <v>36</v>
      </c>
      <c r="G15" s="4" t="s">
        <v>37</v>
      </c>
      <c r="H15" s="4" t="s">
        <v>38</v>
      </c>
      <c r="I15" s="6" t="s">
        <v>159</v>
      </c>
      <c r="J15" s="3">
        <v>35.198470999999998</v>
      </c>
      <c r="K15" s="3">
        <v>133.0011125</v>
      </c>
    </row>
    <row r="16" spans="1:11" x14ac:dyDescent="0.15">
      <c r="A16" s="4">
        <v>15</v>
      </c>
      <c r="B16" s="5" t="s">
        <v>46</v>
      </c>
      <c r="C16" s="5" t="s">
        <v>47</v>
      </c>
      <c r="D16" s="5">
        <v>90</v>
      </c>
      <c r="E16" s="5" t="s">
        <v>48</v>
      </c>
      <c r="F16" s="5" t="s">
        <v>49</v>
      </c>
      <c r="G16" s="4" t="s">
        <v>50</v>
      </c>
      <c r="H16" s="4" t="s">
        <v>179</v>
      </c>
      <c r="I16" s="6" t="s">
        <v>167</v>
      </c>
      <c r="J16" s="3">
        <v>35.333047299999997</v>
      </c>
      <c r="K16" s="3">
        <v>132.7441445</v>
      </c>
    </row>
    <row r="17" spans="1:11" x14ac:dyDescent="0.15">
      <c r="A17" s="4">
        <v>16</v>
      </c>
      <c r="B17" s="5" t="s">
        <v>46</v>
      </c>
      <c r="C17" s="5" t="s">
        <v>146</v>
      </c>
      <c r="D17" s="5">
        <v>100</v>
      </c>
      <c r="E17" s="5" t="s">
        <v>51</v>
      </c>
      <c r="F17" s="5" t="s">
        <v>216</v>
      </c>
      <c r="G17" s="4" t="s">
        <v>52</v>
      </c>
      <c r="H17" s="4" t="s">
        <v>53</v>
      </c>
      <c r="I17" s="6" t="s">
        <v>160</v>
      </c>
      <c r="J17" s="3">
        <v>35.354129</v>
      </c>
      <c r="K17" s="3">
        <v>132.77789580000001</v>
      </c>
    </row>
    <row r="18" spans="1:11" x14ac:dyDescent="0.15">
      <c r="A18" s="4">
        <v>17</v>
      </c>
      <c r="B18" s="5" t="s">
        <v>46</v>
      </c>
      <c r="C18" s="5" t="s">
        <v>137</v>
      </c>
      <c r="D18" s="5">
        <v>104</v>
      </c>
      <c r="E18" s="5" t="s">
        <v>58</v>
      </c>
      <c r="F18" s="5" t="s">
        <v>59</v>
      </c>
      <c r="G18" s="4" t="s">
        <v>60</v>
      </c>
      <c r="H18" s="4" t="s">
        <v>61</v>
      </c>
      <c r="I18" s="6" t="s">
        <v>161</v>
      </c>
      <c r="J18" s="3">
        <v>35.332535700000001</v>
      </c>
      <c r="K18" s="3">
        <v>132.72533240000001</v>
      </c>
    </row>
    <row r="19" spans="1:11" x14ac:dyDescent="0.15">
      <c r="A19" s="4">
        <v>18</v>
      </c>
      <c r="B19" s="5" t="s">
        <v>46</v>
      </c>
      <c r="C19" s="5" t="s">
        <v>147</v>
      </c>
      <c r="D19" s="5">
        <v>80</v>
      </c>
      <c r="E19" s="5" t="s">
        <v>54</v>
      </c>
      <c r="F19" s="5" t="s">
        <v>55</v>
      </c>
      <c r="G19" s="4" t="s">
        <v>56</v>
      </c>
      <c r="H19" s="4" t="s">
        <v>57</v>
      </c>
      <c r="I19" s="6" t="s">
        <v>168</v>
      </c>
      <c r="J19" s="3">
        <v>35.383743799999998</v>
      </c>
      <c r="K19" s="3">
        <v>132.73511289999999</v>
      </c>
    </row>
    <row r="20" spans="1:11" x14ac:dyDescent="0.15">
      <c r="A20" s="4">
        <v>19</v>
      </c>
      <c r="B20" s="5" t="s">
        <v>46</v>
      </c>
      <c r="C20" s="5" t="s">
        <v>138</v>
      </c>
      <c r="D20" s="5">
        <v>50</v>
      </c>
      <c r="E20" s="5" t="s">
        <v>65</v>
      </c>
      <c r="F20" s="5" t="s">
        <v>178</v>
      </c>
      <c r="G20" s="4" t="s">
        <v>66</v>
      </c>
      <c r="H20" s="4" t="s">
        <v>67</v>
      </c>
      <c r="I20" s="6" t="s">
        <v>162</v>
      </c>
      <c r="J20" s="3">
        <v>35.284443099999997</v>
      </c>
      <c r="K20" s="3">
        <v>132.62704890000001</v>
      </c>
    </row>
    <row r="21" spans="1:11" x14ac:dyDescent="0.15">
      <c r="A21" s="4">
        <v>20</v>
      </c>
      <c r="B21" s="5" t="s">
        <v>46</v>
      </c>
      <c r="C21" s="5" t="s">
        <v>148</v>
      </c>
      <c r="D21" s="5">
        <v>50</v>
      </c>
      <c r="E21" s="5" t="s">
        <v>62</v>
      </c>
      <c r="F21" s="5" t="s">
        <v>175</v>
      </c>
      <c r="G21" s="4" t="s">
        <v>63</v>
      </c>
      <c r="H21" s="4" t="s">
        <v>64</v>
      </c>
      <c r="I21" s="6" t="s">
        <v>163</v>
      </c>
      <c r="J21" s="3">
        <v>35.379290900000001</v>
      </c>
      <c r="K21" s="3">
        <v>132.68734269999999</v>
      </c>
    </row>
    <row r="22" spans="1:11" x14ac:dyDescent="0.15">
      <c r="A22" s="4">
        <v>21</v>
      </c>
      <c r="B22" s="5" t="s">
        <v>210</v>
      </c>
      <c r="C22" s="5" t="s">
        <v>183</v>
      </c>
      <c r="D22" s="5">
        <v>60</v>
      </c>
      <c r="E22" s="5" t="s">
        <v>184</v>
      </c>
      <c r="F22" s="5" t="s">
        <v>185</v>
      </c>
      <c r="G22" s="4" t="s">
        <v>186</v>
      </c>
      <c r="H22" s="4" t="s">
        <v>187</v>
      </c>
      <c r="I22" s="6" t="s">
        <v>188</v>
      </c>
      <c r="J22" s="3">
        <v>35.444665700000002</v>
      </c>
      <c r="K22" s="3">
        <v>132.78454489999999</v>
      </c>
    </row>
    <row r="23" spans="1:11" x14ac:dyDescent="0.15">
      <c r="A23" s="4">
        <v>22</v>
      </c>
      <c r="B23" s="5" t="s">
        <v>210</v>
      </c>
      <c r="C23" s="5" t="s">
        <v>211</v>
      </c>
      <c r="D23" s="5">
        <v>40</v>
      </c>
      <c r="E23" s="5" t="s">
        <v>184</v>
      </c>
      <c r="F23" s="5" t="s">
        <v>185</v>
      </c>
      <c r="G23" s="4" t="s">
        <v>186</v>
      </c>
      <c r="H23" s="4" t="s">
        <v>187</v>
      </c>
      <c r="I23" s="6" t="s">
        <v>188</v>
      </c>
      <c r="J23" s="3">
        <v>35.444665700000002</v>
      </c>
      <c r="K23" s="3">
        <v>132.78454489999999</v>
      </c>
    </row>
    <row r="24" spans="1:11" x14ac:dyDescent="0.15">
      <c r="A24" s="4">
        <v>23</v>
      </c>
      <c r="B24" s="5" t="s">
        <v>182</v>
      </c>
      <c r="C24" s="5" t="s">
        <v>191</v>
      </c>
      <c r="D24" s="5">
        <v>80</v>
      </c>
      <c r="E24" s="5" t="s">
        <v>192</v>
      </c>
      <c r="F24" s="5" t="s">
        <v>213</v>
      </c>
      <c r="G24" s="4" t="s">
        <v>193</v>
      </c>
      <c r="H24" s="4" t="s">
        <v>217</v>
      </c>
      <c r="I24" s="6" t="s">
        <v>194</v>
      </c>
      <c r="J24" s="3">
        <v>35.381860699999997</v>
      </c>
      <c r="K24" s="3">
        <v>132.8221001</v>
      </c>
    </row>
    <row r="25" spans="1:11" x14ac:dyDescent="0.15">
      <c r="A25" s="4">
        <v>24</v>
      </c>
      <c r="B25" s="5" t="s">
        <v>68</v>
      </c>
      <c r="C25" s="5" t="s">
        <v>149</v>
      </c>
      <c r="D25" s="5">
        <v>60</v>
      </c>
      <c r="E25" s="5" t="s">
        <v>69</v>
      </c>
      <c r="F25" s="5" t="s">
        <v>70</v>
      </c>
      <c r="G25" s="4" t="s">
        <v>71</v>
      </c>
      <c r="H25" s="4" t="s">
        <v>72</v>
      </c>
      <c r="I25" s="6" t="s">
        <v>164</v>
      </c>
      <c r="J25" s="3">
        <v>35.200074999999998</v>
      </c>
      <c r="K25" s="3">
        <v>132.5058037</v>
      </c>
    </row>
    <row r="26" spans="1:11" x14ac:dyDescent="0.15">
      <c r="A26" s="4">
        <v>25</v>
      </c>
      <c r="B26" s="5" t="s">
        <v>68</v>
      </c>
      <c r="C26" s="5" t="s">
        <v>227</v>
      </c>
      <c r="D26" s="5">
        <v>18</v>
      </c>
      <c r="E26" s="5" t="s">
        <v>73</v>
      </c>
      <c r="F26" s="5" t="s">
        <v>74</v>
      </c>
      <c r="G26" s="4" t="s">
        <v>75</v>
      </c>
      <c r="H26" s="4" t="s">
        <v>76</v>
      </c>
      <c r="I26" s="6" t="s">
        <v>169</v>
      </c>
      <c r="J26" s="3">
        <v>35.240437200000002</v>
      </c>
      <c r="K26" s="3">
        <v>132.5275895</v>
      </c>
    </row>
    <row r="27" spans="1:11" x14ac:dyDescent="0.15">
      <c r="A27" s="4">
        <v>26</v>
      </c>
      <c r="B27" s="5" t="s">
        <v>68</v>
      </c>
      <c r="C27" s="5" t="s">
        <v>226</v>
      </c>
      <c r="D27" s="5">
        <v>32</v>
      </c>
      <c r="E27" s="5" t="s">
        <v>73</v>
      </c>
      <c r="F27" s="5" t="s">
        <v>74</v>
      </c>
      <c r="G27" s="4" t="s">
        <v>75</v>
      </c>
      <c r="H27" s="4" t="s">
        <v>76</v>
      </c>
      <c r="I27" s="6" t="s">
        <v>169</v>
      </c>
      <c r="J27" s="3">
        <v>35.240437200000002</v>
      </c>
      <c r="K27" s="3">
        <v>132.5275895</v>
      </c>
    </row>
    <row r="28" spans="1:11" x14ac:dyDescent="0.15">
      <c r="A28" s="4">
        <v>27</v>
      </c>
      <c r="B28" s="5" t="s">
        <v>77</v>
      </c>
      <c r="C28" s="5" t="s">
        <v>139</v>
      </c>
      <c r="D28" s="5">
        <v>36</v>
      </c>
      <c r="E28" s="5" t="s">
        <v>78</v>
      </c>
      <c r="F28" s="5" t="s">
        <v>176</v>
      </c>
      <c r="G28" s="4" t="s">
        <v>129</v>
      </c>
      <c r="H28" s="4" t="s">
        <v>130</v>
      </c>
      <c r="I28" s="6" t="s">
        <v>206</v>
      </c>
      <c r="J28" s="3">
        <v>34.991342299999999</v>
      </c>
      <c r="K28" s="3">
        <v>132.49454309999999</v>
      </c>
    </row>
    <row r="29" spans="1:11" x14ac:dyDescent="0.15">
      <c r="A29" s="4">
        <v>28</v>
      </c>
      <c r="B29" s="5" t="s">
        <v>77</v>
      </c>
      <c r="C29" s="5" t="s">
        <v>199</v>
      </c>
      <c r="D29" s="5">
        <v>100</v>
      </c>
      <c r="E29" s="5" t="s">
        <v>197</v>
      </c>
      <c r="F29" s="5" t="s">
        <v>198</v>
      </c>
      <c r="G29" s="4" t="s">
        <v>195</v>
      </c>
      <c r="H29" s="4" t="s">
        <v>196</v>
      </c>
      <c r="I29" s="6" t="s">
        <v>231</v>
      </c>
      <c r="J29" s="3">
        <v>34.840567299999996</v>
      </c>
      <c r="K29" s="3">
        <v>132.50642189999999</v>
      </c>
    </row>
    <row r="30" spans="1:11" x14ac:dyDescent="0.15">
      <c r="A30" s="4">
        <v>29</v>
      </c>
      <c r="B30" s="5" t="s">
        <v>77</v>
      </c>
      <c r="C30" s="5" t="s">
        <v>140</v>
      </c>
      <c r="D30" s="5">
        <v>90</v>
      </c>
      <c r="E30" s="5" t="s">
        <v>79</v>
      </c>
      <c r="F30" s="5" t="s">
        <v>80</v>
      </c>
      <c r="G30" s="4" t="s">
        <v>81</v>
      </c>
      <c r="H30" s="4" t="s">
        <v>82</v>
      </c>
      <c r="I30" s="6" t="s">
        <v>231</v>
      </c>
      <c r="J30" s="3">
        <v>34.899251200000002</v>
      </c>
      <c r="K30" s="3">
        <v>132.5487919</v>
      </c>
    </row>
    <row r="31" spans="1:11" x14ac:dyDescent="0.15">
      <c r="A31" s="4">
        <v>30</v>
      </c>
      <c r="B31" s="5" t="s">
        <v>83</v>
      </c>
      <c r="C31" s="5" t="s">
        <v>150</v>
      </c>
      <c r="D31" s="5">
        <v>60</v>
      </c>
      <c r="E31" s="5" t="s">
        <v>88</v>
      </c>
      <c r="F31" s="5" t="s">
        <v>89</v>
      </c>
      <c r="G31" s="4" t="s">
        <v>90</v>
      </c>
      <c r="H31" s="4" t="s">
        <v>91</v>
      </c>
      <c r="I31" s="6" t="s">
        <v>170</v>
      </c>
      <c r="J31" s="3">
        <v>34.944934699999997</v>
      </c>
      <c r="K31" s="3">
        <v>132.11653419999999</v>
      </c>
    </row>
    <row r="32" spans="1:11" x14ac:dyDescent="0.15">
      <c r="A32" s="4">
        <v>31</v>
      </c>
      <c r="B32" s="5" t="s">
        <v>83</v>
      </c>
      <c r="C32" s="5" t="s">
        <v>229</v>
      </c>
      <c r="D32" s="5">
        <v>100</v>
      </c>
      <c r="E32" s="5" t="s">
        <v>84</v>
      </c>
      <c r="F32" s="5" t="s">
        <v>85</v>
      </c>
      <c r="G32" s="4" t="s">
        <v>86</v>
      </c>
      <c r="H32" s="4" t="s">
        <v>87</v>
      </c>
      <c r="I32" s="6" t="s">
        <v>165</v>
      </c>
      <c r="J32" s="3">
        <v>35.013892200000001</v>
      </c>
      <c r="K32" s="3">
        <v>132.21846379999999</v>
      </c>
    </row>
    <row r="33" spans="1:11" x14ac:dyDescent="0.15">
      <c r="A33" s="4">
        <v>32</v>
      </c>
      <c r="B33" s="5" t="s">
        <v>83</v>
      </c>
      <c r="C33" s="5" t="s">
        <v>228</v>
      </c>
      <c r="D33" s="5">
        <v>60</v>
      </c>
      <c r="E33" s="5" t="s">
        <v>84</v>
      </c>
      <c r="F33" s="5" t="s">
        <v>85</v>
      </c>
      <c r="G33" s="4" t="s">
        <v>86</v>
      </c>
      <c r="H33" s="4" t="s">
        <v>87</v>
      </c>
      <c r="I33" s="6" t="s">
        <v>165</v>
      </c>
      <c r="J33" s="3">
        <v>35.013892200000001</v>
      </c>
      <c r="K33" s="3">
        <v>132.21846379999999</v>
      </c>
    </row>
    <row r="34" spans="1:11" x14ac:dyDescent="0.15">
      <c r="A34" s="4">
        <v>33</v>
      </c>
      <c r="B34" s="5" t="s">
        <v>83</v>
      </c>
      <c r="C34" s="5" t="s">
        <v>92</v>
      </c>
      <c r="D34" s="5">
        <v>100</v>
      </c>
      <c r="E34" s="5" t="s">
        <v>93</v>
      </c>
      <c r="F34" s="5" t="s">
        <v>94</v>
      </c>
      <c r="G34" s="4" t="s">
        <v>95</v>
      </c>
      <c r="H34" s="4" t="s">
        <v>96</v>
      </c>
      <c r="I34" s="6" t="s">
        <v>171</v>
      </c>
      <c r="J34" s="3">
        <v>34.869095199999997</v>
      </c>
      <c r="K34" s="3">
        <v>132.14939820000001</v>
      </c>
    </row>
    <row r="35" spans="1:11" x14ac:dyDescent="0.15">
      <c r="A35" s="4">
        <v>34</v>
      </c>
      <c r="B35" s="5" t="s">
        <v>83</v>
      </c>
      <c r="C35" s="5" t="s">
        <v>141</v>
      </c>
      <c r="D35" s="5">
        <v>60</v>
      </c>
      <c r="E35" s="5" t="s">
        <v>101</v>
      </c>
      <c r="F35" s="5" t="s">
        <v>102</v>
      </c>
      <c r="G35" s="4" t="s">
        <v>103</v>
      </c>
      <c r="H35" s="4" t="s">
        <v>104</v>
      </c>
      <c r="I35" s="6" t="s">
        <v>172</v>
      </c>
      <c r="J35" s="3">
        <v>34.864172400000001</v>
      </c>
      <c r="K35" s="3">
        <v>132.30317360000001</v>
      </c>
    </row>
    <row r="36" spans="1:11" x14ac:dyDescent="0.15">
      <c r="A36" s="4">
        <v>35</v>
      </c>
      <c r="B36" s="5" t="s">
        <v>83</v>
      </c>
      <c r="C36" s="5" t="s">
        <v>151</v>
      </c>
      <c r="D36" s="5">
        <v>100</v>
      </c>
      <c r="E36" s="5" t="s">
        <v>97</v>
      </c>
      <c r="F36" s="5" t="s">
        <v>98</v>
      </c>
      <c r="G36" s="4" t="s">
        <v>99</v>
      </c>
      <c r="H36" s="4" t="s">
        <v>100</v>
      </c>
      <c r="I36" s="6" t="s">
        <v>173</v>
      </c>
      <c r="J36" s="3">
        <v>34.759059100000002</v>
      </c>
      <c r="K36" s="3">
        <v>131.98172930000001</v>
      </c>
    </row>
    <row r="37" spans="1:11" x14ac:dyDescent="0.15">
      <c r="A37" s="4">
        <v>36</v>
      </c>
      <c r="B37" s="5" t="s">
        <v>105</v>
      </c>
      <c r="C37" s="5" t="s">
        <v>230</v>
      </c>
      <c r="D37" s="5">
        <v>99</v>
      </c>
      <c r="E37" s="5" t="s">
        <v>106</v>
      </c>
      <c r="F37" s="5" t="s">
        <v>107</v>
      </c>
      <c r="G37" s="4" t="s">
        <v>108</v>
      </c>
      <c r="H37" s="4" t="s">
        <v>109</v>
      </c>
      <c r="I37" s="6" t="s">
        <v>207</v>
      </c>
      <c r="J37" s="3">
        <v>34.6968405</v>
      </c>
      <c r="K37" s="3">
        <v>131.8664516</v>
      </c>
    </row>
    <row r="38" spans="1:11" x14ac:dyDescent="0.15">
      <c r="A38" s="4">
        <v>37</v>
      </c>
      <c r="B38" s="5" t="s">
        <v>105</v>
      </c>
      <c r="C38" s="5" t="s">
        <v>142</v>
      </c>
      <c r="D38" s="5">
        <v>99</v>
      </c>
      <c r="E38" s="5" t="s">
        <v>110</v>
      </c>
      <c r="F38" s="5" t="s">
        <v>111</v>
      </c>
      <c r="G38" s="4" t="s">
        <v>112</v>
      </c>
      <c r="H38" s="4" t="s">
        <v>113</v>
      </c>
      <c r="I38" s="6" t="s">
        <v>181</v>
      </c>
      <c r="J38" s="3">
        <v>34.541961999999998</v>
      </c>
      <c r="K38" s="3">
        <v>131.83497220000001</v>
      </c>
    </row>
    <row r="39" spans="1:11" x14ac:dyDescent="0.15">
      <c r="A39" s="4">
        <v>38</v>
      </c>
      <c r="B39" s="5" t="s">
        <v>105</v>
      </c>
      <c r="C39" s="5" t="s">
        <v>205</v>
      </c>
      <c r="D39" s="5">
        <v>154</v>
      </c>
      <c r="E39" s="5" t="s">
        <v>200</v>
      </c>
      <c r="F39" s="5" t="s">
        <v>201</v>
      </c>
      <c r="G39" s="4" t="s">
        <v>202</v>
      </c>
      <c r="H39" s="4" t="s">
        <v>203</v>
      </c>
      <c r="I39" s="6" t="s">
        <v>204</v>
      </c>
      <c r="J39" s="3">
        <v>34.353543500000001</v>
      </c>
      <c r="K39" s="3">
        <v>131.9374966</v>
      </c>
    </row>
    <row r="40" spans="1:11" x14ac:dyDescent="0.15">
      <c r="A40" s="4">
        <v>39</v>
      </c>
      <c r="B40" s="5" t="s">
        <v>114</v>
      </c>
      <c r="C40" s="5" t="s">
        <v>152</v>
      </c>
      <c r="D40" s="5">
        <v>70</v>
      </c>
      <c r="E40" s="5" t="s">
        <v>115</v>
      </c>
      <c r="F40" s="5" t="s">
        <v>116</v>
      </c>
      <c r="G40" s="4" t="s">
        <v>117</v>
      </c>
      <c r="H40" s="4" t="s">
        <v>118</v>
      </c>
      <c r="I40" s="6" t="s">
        <v>180</v>
      </c>
      <c r="J40" s="3">
        <v>36.215729600000003</v>
      </c>
      <c r="K40" s="3">
        <v>133.3267884</v>
      </c>
    </row>
    <row r="41" spans="1:11" x14ac:dyDescent="0.15">
      <c r="A41" s="2"/>
      <c r="B41" s="2"/>
      <c r="C41" s="7"/>
      <c r="D41" s="8"/>
      <c r="E41" s="2"/>
      <c r="F41" s="2"/>
      <c r="G41" s="2"/>
      <c r="H41" s="2"/>
      <c r="I41" s="2"/>
    </row>
    <row r="42" spans="1:11" x14ac:dyDescent="0.15">
      <c r="A42" s="2"/>
      <c r="B42" s="2"/>
      <c r="C42" s="2"/>
      <c r="D42" s="2"/>
      <c r="E42" s="2"/>
      <c r="F42" s="2"/>
      <c r="G42" s="2"/>
      <c r="H42" s="2"/>
      <c r="I42" s="2"/>
    </row>
    <row r="43" spans="1:11" x14ac:dyDescent="0.15">
      <c r="A43" s="2"/>
      <c r="B43" s="2"/>
      <c r="C43" s="2"/>
      <c r="D43" s="7"/>
      <c r="E43" s="2"/>
      <c r="F43" s="2"/>
      <c r="G43" s="2"/>
      <c r="H43" s="2"/>
      <c r="I43" s="2"/>
    </row>
  </sheetData>
  <phoneticPr fontId="1"/>
  <pageMargins left="0.7" right="0.2" top="0.61" bottom="0.2" header="0.24" footer="0.23"/>
  <pageSetup paperSize="9" scale="5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老人保健施設</vt:lpstr>
      <vt:lpstr>老人保健施設!tex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320111</dc:creator>
  <cp:lastModifiedBy>s00150</cp:lastModifiedBy>
  <cp:lastPrinted>2017-02-27T01:38:25Z</cp:lastPrinted>
  <dcterms:created xsi:type="dcterms:W3CDTF">1997-01-08T22:48:59Z</dcterms:created>
  <dcterms:modified xsi:type="dcterms:W3CDTF">2017-03-17T01:43:51Z</dcterms:modified>
</cp:coreProperties>
</file>